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6" uniqueCount="752">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外科内科山尾医院</t>
    <phoneticPr fontId="3"/>
  </si>
  <si>
    <t>〒693-0011 島根県出雲市大津町１０９９－５</t>
    <phoneticPr fontId="3"/>
  </si>
  <si>
    <t>〇</t>
  </si>
  <si>
    <t>複数の診療科で活用</t>
  </si>
  <si>
    <t>外科</t>
  </si>
  <si>
    <t>内科</t>
  </si>
  <si>
    <t>消化器内科（胃腸内科）</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0493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c r="M12" s="5"/>
      <c r="N12" s="8"/>
      <c r="O12" s="8"/>
    </row>
    <row r="13" spans="1:15" s="22" customFormat="1" x14ac:dyDescent="0.15">
      <c r="A13" s="197" t="s">
        <v>452</v>
      </c>
      <c r="B13" s="26"/>
      <c r="C13" s="20"/>
      <c r="D13" s="20"/>
      <c r="E13" s="20"/>
      <c r="F13" s="20"/>
      <c r="G13" s="20"/>
      <c r="H13" s="21"/>
      <c r="I13" s="361" t="s">
        <v>5</v>
      </c>
      <c r="J13" s="361"/>
      <c r="K13" s="361"/>
      <c r="L13" s="30" t="s">
        <v>746</v>
      </c>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c r="M27" s="5"/>
      <c r="N27" s="8"/>
      <c r="O27" s="8"/>
    </row>
    <row r="28" spans="1:71" s="22" customFormat="1" x14ac:dyDescent="0.15">
      <c r="A28" s="197" t="s">
        <v>453</v>
      </c>
      <c r="B28" s="26"/>
      <c r="C28" s="20"/>
      <c r="D28" s="20"/>
      <c r="E28" s="20"/>
      <c r="F28" s="20"/>
      <c r="G28" s="20"/>
      <c r="H28" s="21"/>
      <c r="I28" s="256" t="s">
        <v>5</v>
      </c>
      <c r="J28" s="257"/>
      <c r="K28" s="258"/>
      <c r="L28" s="30" t="s">
        <v>746</v>
      </c>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9</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9</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9</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748</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749</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75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9</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21</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v>0</v>
      </c>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v>0</v>
      </c>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v>0</v>
      </c>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v>0</v>
      </c>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v>0</v>
      </c>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4</v>
      </c>
      <c r="K171" s="118" t="str">
        <f t="shared" ref="K171:K186" si="2">IF(OR(COUNTIF(L171:O171,"未確認")&gt;0,COUNTIF(L171:O171,"*")&gt;0),"※","")</f>
        <v/>
      </c>
      <c r="L171" s="212">
        <v>2</v>
      </c>
      <c r="M171" s="212">
        <v>0</v>
      </c>
      <c r="N171" s="212">
        <v>2</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8</v>
      </c>
      <c r="K172" s="118" t="str">
        <f t="shared" si="2"/>
        <v/>
      </c>
      <c r="L172" s="213">
        <v>0</v>
      </c>
      <c r="M172" s="213">
        <v>0</v>
      </c>
      <c r="N172" s="213">
        <v>0.8</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6</v>
      </c>
      <c r="K173" s="118" t="str">
        <f t="shared" si="2"/>
        <v/>
      </c>
      <c r="L173" s="212">
        <v>3</v>
      </c>
      <c r="M173" s="212">
        <v>0</v>
      </c>
      <c r="N173" s="212">
        <v>3</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v>0</v>
      </c>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9</v>
      </c>
      <c r="K175" s="118" t="str">
        <f t="shared" si="2"/>
        <v/>
      </c>
      <c r="L175" s="212">
        <v>7</v>
      </c>
      <c r="M175" s="212">
        <v>0</v>
      </c>
      <c r="N175" s="212">
        <v>2</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5</v>
      </c>
      <c r="K176" s="118" t="str">
        <f t="shared" si="2"/>
        <v/>
      </c>
      <c r="L176" s="213">
        <v>0.5</v>
      </c>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v>0</v>
      </c>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v>0</v>
      </c>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v>0</v>
      </c>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v>0</v>
      </c>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v>0</v>
      </c>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v>0</v>
      </c>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v>0</v>
      </c>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v>0</v>
      </c>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v>0</v>
      </c>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v>0</v>
      </c>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v>0</v>
      </c>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v>0</v>
      </c>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746</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746</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72</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75</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69</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72</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57</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12</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3</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65</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43</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4</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8</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6</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4</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65</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65</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t="s">
        <v>751</v>
      </c>
      <c r="K332" s="118" t="str">
        <f>IF(OR(COUNTIF(J332,"未確認")&gt;0,COUNTIF(J332,"*")&gt;0),"※","")</f>
        <v>※</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t="s">
        <v>751</v>
      </c>
      <c r="K341" s="118" t="str">
        <f t="shared" ref="K341:K346" si="4">IF(OR(COUNTIF(J341,"未確認")&gt;0,COUNTIF(J341,"*")&gt;0),"※","")</f>
        <v>※</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t="s">
        <v>751</v>
      </c>
      <c r="K343" s="118" t="str">
        <f t="shared" si="4"/>
        <v>※</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t="s">
        <v>751</v>
      </c>
      <c r="K344" s="118" t="str">
        <f t="shared" si="4"/>
        <v>※</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t="s">
        <v>751</v>
      </c>
      <c r="K345" s="118" t="str">
        <f t="shared" si="4"/>
        <v>※</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0</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v>0</v>
      </c>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v>0</v>
      </c>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v>0</v>
      </c>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v>0</v>
      </c>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v>0</v>
      </c>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v>0</v>
      </c>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v>0</v>
      </c>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v>0</v>
      </c>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v>0</v>
      </c>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v>0</v>
      </c>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v>0</v>
      </c>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v>0</v>
      </c>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v>0</v>
      </c>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v>0</v>
      </c>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v>0</v>
      </c>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v>0</v>
      </c>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v>0</v>
      </c>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v>0</v>
      </c>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v>0</v>
      </c>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v>0</v>
      </c>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v>0</v>
      </c>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v>0</v>
      </c>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v>0</v>
      </c>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v>0</v>
      </c>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v>0</v>
      </c>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v>0</v>
      </c>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v>0</v>
      </c>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v>0</v>
      </c>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v>0</v>
      </c>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v>0</v>
      </c>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v>0</v>
      </c>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v>0</v>
      </c>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v>0</v>
      </c>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v>0</v>
      </c>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v>0</v>
      </c>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v>0</v>
      </c>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v>0</v>
      </c>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v>0</v>
      </c>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v>0</v>
      </c>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v>0</v>
      </c>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t="s">
        <v>751</v>
      </c>
      <c r="K472" s="118" t="str">
        <f t="shared" si="9"/>
        <v>※</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1014</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v>0</v>
      </c>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v>0</v>
      </c>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v>0</v>
      </c>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v>0</v>
      </c>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v>0</v>
      </c>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v>0</v>
      </c>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v>0</v>
      </c>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v>0</v>
      </c>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v>0</v>
      </c>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v>0</v>
      </c>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v>0</v>
      </c>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v>0</v>
      </c>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v>0</v>
      </c>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v>0</v>
      </c>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v>0</v>
      </c>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v>0</v>
      </c>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v>0</v>
      </c>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v>0</v>
      </c>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v>0</v>
      </c>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v>0</v>
      </c>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v>0</v>
      </c>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v>0</v>
      </c>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v>0</v>
      </c>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v>0</v>
      </c>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v>0</v>
      </c>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v>0</v>
      </c>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v>0</v>
      </c>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v>0</v>
      </c>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v>0</v>
      </c>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v>0</v>
      </c>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v>0</v>
      </c>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v>0</v>
      </c>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v>0</v>
      </c>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v>0</v>
      </c>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v>0</v>
      </c>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v>0</v>
      </c>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v>0</v>
      </c>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v>0</v>
      </c>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v>0</v>
      </c>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v>0</v>
      </c>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v>0</v>
      </c>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v>0</v>
      </c>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v>0</v>
      </c>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v>0</v>
      </c>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v>0</v>
      </c>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v>0</v>
      </c>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v>0</v>
      </c>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v>0</v>
      </c>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v>0</v>
      </c>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v>0</v>
      </c>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v>0</v>
      </c>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v>0</v>
      </c>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2:10Z</dcterms:modified>
</cp:coreProperties>
</file>